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arle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clipart&#10;&#10;Automatisch gegenereerde beschrijving">
            <a:extLst>
              <a:ext uri="{FF2B5EF4-FFF2-40B4-BE49-F238E27FC236}">
                <a16:creationId xmlns:a16="http://schemas.microsoft.com/office/drawing/2014/main" id="{8168B2FB-9518-A361-45C2-145B5CA4F22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06104" y="4519499"/>
            <a:ext cx="2030413" cy="209944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clipart&#10;&#10;Automatisch gegenereerde beschrijving">
            <a:extLst>
              <a:ext uri="{FF2B5EF4-FFF2-40B4-BE49-F238E27FC236}">
                <a16:creationId xmlns:a16="http://schemas.microsoft.com/office/drawing/2014/main" id="{4B8FF779-8A67-7C4C-58B8-2A7C8330AFD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61066" y="3930848"/>
            <a:ext cx="1327386" cy="137251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5-06T06:26:01Z</dcterms:modified>
</cp:coreProperties>
</file>